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C:\Users\i1704010\AppData\Local\Microsoft\Windows\INetCache\Content.Outlook\3PV6P6NA\"/>
    </mc:Choice>
  </mc:AlternateContent>
  <xr:revisionPtr revIDLastSave="0" documentId="13_ncr:1_{AC423816-AD44-421F-BA32-5E2A239C0284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秋季市民大会参加申込書" sheetId="1" r:id="rId1"/>
  </sheets>
  <definedNames>
    <definedName name="_xlnm.Print_Area" localSheetId="0">秋季市民大会参加申込書!$A$1:$K$4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A13" i="1" l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i9706019</author>
    <author>前田鉄也</author>
  </authors>
  <commentList>
    <comment ref="I4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男・女のどちらかに○印を付け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D5" authorId="1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チーム名が英名の場合、フリガナをお願いします。</t>
        </r>
      </text>
    </comment>
    <comment ref="I11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住所については、全て記入願います。
（記載例）
石狩市花川北6条1丁目30-2</t>
        </r>
      </text>
    </comment>
  </commentList>
</comments>
</file>

<file path=xl/sharedStrings.xml><?xml version="1.0" encoding="utf-8"?>
<sst xmlns="http://schemas.openxmlformats.org/spreadsheetml/2006/main" count="56" uniqueCount="37">
  <si>
    <t>区分</t>
    <rPh sb="0" eb="2">
      <t>クブン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フリガナ</t>
    <phoneticPr fontId="1"/>
  </si>
  <si>
    <t>住所</t>
    <rPh sb="0" eb="2">
      <t>ジュウショ</t>
    </rPh>
    <phoneticPr fontId="1"/>
  </si>
  <si>
    <t>チーム名</t>
    <rPh sb="3" eb="4">
      <t>メイ</t>
    </rPh>
    <phoneticPr fontId="2"/>
  </si>
  <si>
    <t>監督</t>
    <rPh sb="0" eb="2">
      <t>カントク</t>
    </rPh>
    <phoneticPr fontId="1"/>
  </si>
  <si>
    <t>コーチ</t>
    <phoneticPr fontId="1"/>
  </si>
  <si>
    <t>ｱｼｽﾀﾝﾄｺｰﾁ</t>
    <phoneticPr fontId="1"/>
  </si>
  <si>
    <t>マネージャー</t>
    <phoneticPr fontId="1"/>
  </si>
  <si>
    <t>出身校</t>
    <rPh sb="0" eb="3">
      <t>シュッシンコウ</t>
    </rPh>
    <phoneticPr fontId="2"/>
  </si>
  <si>
    <t>氏名</t>
    <rPh sb="0" eb="2">
      <t>シメイ</t>
    </rPh>
    <phoneticPr fontId="2"/>
  </si>
  <si>
    <t>自宅℡</t>
    <rPh sb="0" eb="2">
      <t>ジタク</t>
    </rPh>
    <phoneticPr fontId="1"/>
  </si>
  <si>
    <t>勤務先℡</t>
    <rPh sb="0" eb="3">
      <t>キンムサキ</t>
    </rPh>
    <phoneticPr fontId="1"/>
  </si>
  <si>
    <t>携帯℡</t>
    <rPh sb="0" eb="2">
      <t>ケイタイ</t>
    </rPh>
    <phoneticPr fontId="1"/>
  </si>
  <si>
    <t>E-mail</t>
    <phoneticPr fontId="1"/>
  </si>
  <si>
    <t>（氏名）</t>
    <rPh sb="1" eb="3">
      <t>シメイ</t>
    </rPh>
    <phoneticPr fontId="1"/>
  </si>
  <si>
    <t>（住所）</t>
    <rPh sb="1" eb="3">
      <t>ジュウショ</t>
    </rPh>
    <phoneticPr fontId="1"/>
  </si>
  <si>
    <t>背番号</t>
    <rPh sb="0" eb="3">
      <t>セバンゴウ</t>
    </rPh>
    <phoneticPr fontId="2"/>
  </si>
  <si>
    <t>身長</t>
    <rPh sb="0" eb="2">
      <t>シンチョウ</t>
    </rPh>
    <phoneticPr fontId="1"/>
  </si>
  <si>
    <t>年齢</t>
    <rPh sb="0" eb="2">
      <t>ネンレイ</t>
    </rPh>
    <phoneticPr fontId="1"/>
  </si>
  <si>
    <t>（資格）</t>
    <rPh sb="1" eb="3">
      <t>シカク</t>
    </rPh>
    <phoneticPr fontId="1"/>
  </si>
  <si>
    <t>協会理事氏名</t>
    <rPh sb="0" eb="2">
      <t>キョウカイ</t>
    </rPh>
    <rPh sb="2" eb="4">
      <t>リジ</t>
    </rPh>
    <rPh sb="4" eb="6">
      <t>シメイ</t>
    </rPh>
    <phoneticPr fontId="11"/>
  </si>
  <si>
    <t>理事（各チーム１名）は、総会・理事会に出席し、重要事項の審議を行います。</t>
    <rPh sb="0" eb="2">
      <t>リジ</t>
    </rPh>
    <rPh sb="3" eb="4">
      <t>カク</t>
    </rPh>
    <rPh sb="8" eb="9">
      <t>メイ</t>
    </rPh>
    <rPh sb="12" eb="14">
      <t>ソウカイ</t>
    </rPh>
    <rPh sb="15" eb="18">
      <t>リジカイ</t>
    </rPh>
    <rPh sb="19" eb="21">
      <t>シュッセキ</t>
    </rPh>
    <rPh sb="23" eb="25">
      <t>ジュウヨウ</t>
    </rPh>
    <rPh sb="25" eb="27">
      <t>ジコウ</t>
    </rPh>
    <rPh sb="28" eb="30">
      <t>シンギ</t>
    </rPh>
    <rPh sb="31" eb="32">
      <t>オコナ</t>
    </rPh>
    <phoneticPr fontId="11"/>
  </si>
  <si>
    <t>NO</t>
    <phoneticPr fontId="1"/>
  </si>
  <si>
    <t>いずれかに○を記入</t>
    <rPh sb="7" eb="9">
      <t>キニュウ</t>
    </rPh>
    <phoneticPr fontId="1"/>
  </si>
  <si>
    <r>
      <t xml:space="preserve">チーム連絡責任者
</t>
    </r>
    <r>
      <rPr>
        <b/>
        <sz val="10"/>
        <color indexed="10"/>
        <rFont val="ＭＳ Ｐゴシック"/>
        <family val="3"/>
        <charset val="128"/>
      </rPr>
      <t>&lt;</t>
    </r>
    <r>
      <rPr>
        <b/>
        <u/>
        <sz val="10"/>
        <color indexed="10"/>
        <rFont val="ＭＳ Ｐゴシック"/>
        <family val="3"/>
        <charset val="128"/>
      </rPr>
      <t>ﾒｰﾙｱﾄﾞﾚｽ必須</t>
    </r>
    <r>
      <rPr>
        <b/>
        <sz val="10"/>
        <color indexed="10"/>
        <rFont val="ＭＳ Ｐゴシック"/>
        <family val="3"/>
        <charset val="128"/>
      </rPr>
      <t>&gt;</t>
    </r>
    <rPh sb="3" eb="5">
      <t>レンラク</t>
    </rPh>
    <rPh sb="5" eb="8">
      <t>セキニンシャ</t>
    </rPh>
    <rPh sb="18" eb="20">
      <t>ヒッス</t>
    </rPh>
    <phoneticPr fontId="1"/>
  </si>
  <si>
    <r>
      <t xml:space="preserve">帯同審判員①
</t>
    </r>
    <r>
      <rPr>
        <b/>
        <u/>
        <sz val="10"/>
        <color indexed="10"/>
        <rFont val="ＭＳ Ｐゴシック"/>
        <family val="3"/>
        <charset val="128"/>
      </rPr>
      <t>&lt;無記入の場合協会登録及び大会参加ができません</t>
    </r>
    <r>
      <rPr>
        <b/>
        <sz val="10"/>
        <color indexed="10"/>
        <rFont val="ＭＳ Ｐゴシック"/>
        <family val="3"/>
        <charset val="128"/>
      </rPr>
      <t>&gt;</t>
    </r>
    <rPh sb="0" eb="2">
      <t>タイドウ</t>
    </rPh>
    <rPh sb="2" eb="5">
      <t>シンパンイン</t>
    </rPh>
    <rPh sb="8" eb="9">
      <t>ム</t>
    </rPh>
    <rPh sb="9" eb="11">
      <t>キニュウ</t>
    </rPh>
    <rPh sb="12" eb="14">
      <t>バアイ</t>
    </rPh>
    <rPh sb="14" eb="16">
      <t>キョウカイ</t>
    </rPh>
    <rPh sb="16" eb="18">
      <t>トウロク</t>
    </rPh>
    <rPh sb="18" eb="19">
      <t>オヨ</t>
    </rPh>
    <rPh sb="20" eb="22">
      <t>タイカイ</t>
    </rPh>
    <rPh sb="22" eb="24">
      <t>サンカ</t>
    </rPh>
    <phoneticPr fontId="1"/>
  </si>
  <si>
    <r>
      <t xml:space="preserve">帯同審判員②
</t>
    </r>
    <r>
      <rPr>
        <b/>
        <u/>
        <sz val="10"/>
        <color indexed="10"/>
        <rFont val="ＭＳ Ｐゴシック"/>
        <family val="3"/>
        <charset val="128"/>
      </rPr>
      <t>&lt;帯同審判員が1名の場合は記入不要</t>
    </r>
    <r>
      <rPr>
        <b/>
        <sz val="10"/>
        <color indexed="10"/>
        <rFont val="ＭＳ Ｐゴシック"/>
        <family val="3"/>
        <charset val="128"/>
      </rPr>
      <t>&gt;</t>
    </r>
    <rPh sb="0" eb="2">
      <t>タイドウ</t>
    </rPh>
    <rPh sb="2" eb="5">
      <t>シンパンイン</t>
    </rPh>
    <rPh sb="8" eb="10">
      <t>タイドウ</t>
    </rPh>
    <rPh sb="10" eb="13">
      <t>シンパンイン</t>
    </rPh>
    <rPh sb="15" eb="16">
      <t>メイ</t>
    </rPh>
    <rPh sb="17" eb="19">
      <t>バアイ</t>
    </rPh>
    <rPh sb="20" eb="22">
      <t>キニュウ</t>
    </rPh>
    <rPh sb="22" eb="24">
      <t>フヨウ</t>
    </rPh>
    <phoneticPr fontId="1"/>
  </si>
  <si>
    <t xml:space="preserve">  S級</t>
    <rPh sb="3" eb="4">
      <t>キュウ</t>
    </rPh>
    <phoneticPr fontId="1"/>
  </si>
  <si>
    <t>Ａ級</t>
    <phoneticPr fontId="1"/>
  </si>
  <si>
    <t>Ｂ級</t>
    <phoneticPr fontId="1"/>
  </si>
  <si>
    <t>C級</t>
    <phoneticPr fontId="1"/>
  </si>
  <si>
    <t>D級</t>
    <phoneticPr fontId="1"/>
  </si>
  <si>
    <t>氏名</t>
    <rPh sb="0" eb="2">
      <t>シメイ</t>
    </rPh>
    <phoneticPr fontId="1"/>
  </si>
  <si>
    <r>
      <rPr>
        <b/>
        <sz val="10"/>
        <color rgb="FFFF0000"/>
        <rFont val="ＭＳ ゴシック"/>
        <family val="3"/>
        <charset val="128"/>
      </rPr>
      <t>※</t>
    </r>
    <r>
      <rPr>
        <b/>
        <sz val="10"/>
        <color rgb="FFFF0000"/>
        <rFont val="ＭＳ Ｐゴシック"/>
        <family val="3"/>
        <charset val="128"/>
      </rPr>
      <t>必ず帯同審判から１名参加願います</t>
    </r>
    <rPh sb="1" eb="2">
      <t>カナラ</t>
    </rPh>
    <rPh sb="3" eb="5">
      <t>タイドウ</t>
    </rPh>
    <rPh sb="5" eb="7">
      <t>シンパン</t>
    </rPh>
    <rPh sb="10" eb="11">
      <t>メイ</t>
    </rPh>
    <rPh sb="11" eb="13">
      <t>サンカ</t>
    </rPh>
    <rPh sb="13" eb="14">
      <t>ネガ</t>
    </rPh>
    <phoneticPr fontId="1"/>
  </si>
  <si>
    <r>
      <t xml:space="preserve">9/20（土）午後から開催予定
審判講習会　参加者
</t>
    </r>
    <r>
      <rPr>
        <b/>
        <sz val="10"/>
        <color rgb="FFFF0000"/>
        <rFont val="ＭＳ Ｐゴシック"/>
        <family val="3"/>
        <charset val="128"/>
      </rPr>
      <t>&lt;無記入の場合大会参加ができません&gt;</t>
    </r>
    <rPh sb="5" eb="6">
      <t>ド</t>
    </rPh>
    <rPh sb="7" eb="9">
      <t>ゴゴ</t>
    </rPh>
    <rPh sb="11" eb="13">
      <t>カイサイ</t>
    </rPh>
    <rPh sb="13" eb="15">
      <t>ヨテイ</t>
    </rPh>
    <rPh sb="16" eb="18">
      <t>シンパン</t>
    </rPh>
    <rPh sb="18" eb="21">
      <t>コウシュウカイ</t>
    </rPh>
    <rPh sb="22" eb="25">
      <t>サンカ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&quot;cm&quot;"/>
    <numFmt numFmtId="177" formatCode="#&quot;歳&quot;"/>
  </numFmts>
  <fonts count="18" x14ac:knownFonts="1"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i/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0"/>
      <color indexed="10"/>
      <name val="ＭＳ Ｐゴシック"/>
      <family val="3"/>
      <charset val="128"/>
    </font>
    <font>
      <b/>
      <u/>
      <sz val="10"/>
      <color indexed="10"/>
      <name val="ＭＳ Ｐゴシック"/>
      <family val="3"/>
      <charset val="128"/>
    </font>
    <font>
      <sz val="9"/>
      <name val="ＭＳ 明朝"/>
      <family val="1"/>
      <charset val="128"/>
    </font>
    <font>
      <b/>
      <sz val="10"/>
      <color rgb="FFFF0000"/>
      <name val="ＭＳ 明朝"/>
      <family val="1"/>
      <charset val="128"/>
    </font>
    <font>
      <b/>
      <sz val="10"/>
      <color rgb="FFFF0000"/>
      <name val="ＭＳ Ｐゴシック"/>
      <family val="3"/>
      <charset val="128"/>
    </font>
    <font>
      <b/>
      <sz val="10"/>
      <color rgb="FFFF0000"/>
      <name val="ＭＳ ゴシック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8" tint="0.79998168889431442"/>
        <bgColor indexed="64"/>
      </patternFill>
    </fill>
  </fills>
  <borders count="50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0" fontId="3" fillId="0" borderId="0" xfId="0" applyFont="1" applyAlignment="1">
      <alignment horizontal="center" vertical="center"/>
    </xf>
    <xf numFmtId="176" fontId="3" fillId="0" borderId="1" xfId="0" applyNumberFormat="1" applyFont="1" applyBorder="1" applyAlignment="1">
      <alignment horizontal="center" vertical="center"/>
    </xf>
    <xf numFmtId="177" fontId="3" fillId="0" borderId="1" xfId="0" applyNumberFormat="1" applyFont="1" applyBorder="1" applyAlignment="1">
      <alignment horizontal="center" vertical="center"/>
    </xf>
    <xf numFmtId="176" fontId="3" fillId="0" borderId="2" xfId="0" applyNumberFormat="1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10" fillId="0" borderId="1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3" fillId="0" borderId="0" xfId="0" applyFont="1" applyAlignment="1">
      <alignment horizontal="distributed" vertical="center" justifyLastLine="1"/>
    </xf>
    <xf numFmtId="0" fontId="1" fillId="3" borderId="5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/>
    </xf>
    <xf numFmtId="0" fontId="1" fillId="4" borderId="6" xfId="0" applyFont="1" applyFill="1" applyBorder="1" applyAlignment="1">
      <alignment horizontal="center" vertical="center" shrinkToFit="1"/>
    </xf>
    <xf numFmtId="0" fontId="1" fillId="3" borderId="7" xfId="0" applyFont="1" applyFill="1" applyBorder="1" applyAlignment="1">
      <alignment horizontal="center" vertical="center"/>
    </xf>
    <xf numFmtId="0" fontId="9" fillId="3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0" borderId="10" xfId="0" applyFont="1" applyBorder="1" applyAlignment="1">
      <alignment vertical="center"/>
    </xf>
    <xf numFmtId="0" fontId="1" fillId="2" borderId="11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0" fillId="5" borderId="0" xfId="0" applyFill="1" applyAlignment="1">
      <alignment vertical="center"/>
    </xf>
    <xf numFmtId="0" fontId="0" fillId="0" borderId="0" xfId="0" applyAlignment="1">
      <alignment vertical="center"/>
    </xf>
    <xf numFmtId="0" fontId="1" fillId="4" borderId="12" xfId="0" applyFont="1" applyFill="1" applyBorder="1" applyAlignment="1">
      <alignment horizontal="distributed" vertical="center" justifyLastLine="1" shrinkToFit="1"/>
    </xf>
    <xf numFmtId="0" fontId="3" fillId="6" borderId="13" xfId="0" applyFont="1" applyFill="1" applyBorder="1" applyAlignment="1">
      <alignment horizontal="center" vertical="center"/>
    </xf>
    <xf numFmtId="0" fontId="1" fillId="6" borderId="5" xfId="0" applyFont="1" applyFill="1" applyBorder="1" applyAlignment="1">
      <alignment horizontal="center" vertical="center" shrinkToFit="1"/>
    </xf>
    <xf numFmtId="0" fontId="0" fillId="5" borderId="14" xfId="0" applyFill="1" applyBorder="1" applyAlignment="1">
      <alignment vertical="center"/>
    </xf>
    <xf numFmtId="0" fontId="14" fillId="5" borderId="0" xfId="0" applyFont="1" applyFill="1" applyAlignment="1">
      <alignment vertical="center"/>
    </xf>
    <xf numFmtId="0" fontId="14" fillId="5" borderId="14" xfId="0" applyFont="1" applyFill="1" applyBorder="1" applyAlignment="1">
      <alignment vertical="center"/>
    </xf>
    <xf numFmtId="0" fontId="1" fillId="0" borderId="38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48" xfId="0" applyFont="1" applyBorder="1" applyAlignment="1">
      <alignment horizontal="left" vertical="center"/>
    </xf>
    <xf numFmtId="0" fontId="3" fillId="0" borderId="46" xfId="0" applyFont="1" applyBorder="1" applyAlignment="1">
      <alignment horizontal="center" vertical="center"/>
    </xf>
    <xf numFmtId="0" fontId="3" fillId="7" borderId="49" xfId="0" applyFont="1" applyFill="1" applyBorder="1" applyAlignment="1">
      <alignment horizontal="left" vertical="center"/>
    </xf>
    <xf numFmtId="0" fontId="3" fillId="7" borderId="8" xfId="0" applyFont="1" applyFill="1" applyBorder="1" applyAlignment="1">
      <alignment horizontal="left" vertical="center"/>
    </xf>
    <xf numFmtId="0" fontId="0" fillId="6" borderId="21" xfId="0" applyFill="1" applyBorder="1" applyAlignment="1">
      <alignment horizontal="center" vertical="center"/>
    </xf>
    <xf numFmtId="0" fontId="0" fillId="6" borderId="22" xfId="0" applyFill="1" applyBorder="1" applyAlignment="1">
      <alignment horizontal="center" vertical="center"/>
    </xf>
    <xf numFmtId="0" fontId="0" fillId="6" borderId="25" xfId="0" applyFill="1" applyBorder="1" applyAlignment="1">
      <alignment horizontal="center" vertical="center"/>
    </xf>
    <xf numFmtId="0" fontId="0" fillId="6" borderId="26" xfId="0" applyFill="1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5" borderId="44" xfId="0" applyFill="1" applyBorder="1" applyAlignment="1">
      <alignment horizontal="left" vertical="center" wrapText="1"/>
    </xf>
    <xf numFmtId="0" fontId="0" fillId="0" borderId="46" xfId="0" applyBorder="1" applyAlignment="1">
      <alignment vertical="center" wrapText="1"/>
    </xf>
    <xf numFmtId="0" fontId="0" fillId="0" borderId="41" xfId="0" applyBorder="1" applyAlignment="1">
      <alignment vertical="center" wrapText="1"/>
    </xf>
    <xf numFmtId="0" fontId="0" fillId="0" borderId="8" xfId="0" applyBorder="1" applyAlignment="1">
      <alignment vertical="center" wrapText="1"/>
    </xf>
    <xf numFmtId="0" fontId="0" fillId="0" borderId="14" xfId="0" applyBorder="1" applyAlignment="1">
      <alignment vertical="center" wrapText="1"/>
    </xf>
    <xf numFmtId="0" fontId="0" fillId="0" borderId="47" xfId="0" applyBorder="1" applyAlignment="1">
      <alignment vertical="center" wrapText="1"/>
    </xf>
    <xf numFmtId="0" fontId="3" fillId="0" borderId="16" xfId="0" applyFont="1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46" xfId="0" applyFont="1" applyBorder="1" applyAlignment="1">
      <alignment horizontal="center" vertical="center"/>
    </xf>
    <xf numFmtId="0" fontId="16" fillId="0" borderId="44" xfId="0" applyFont="1" applyBorder="1" applyAlignment="1">
      <alignment horizontal="center" vertical="center"/>
    </xf>
    <xf numFmtId="0" fontId="16" fillId="0" borderId="46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16" fillId="0" borderId="6" xfId="0" applyFont="1" applyBorder="1" applyAlignment="1">
      <alignment horizontal="center" vertical="center"/>
    </xf>
    <xf numFmtId="0" fontId="16" fillId="0" borderId="9" xfId="0" applyFont="1" applyBorder="1" applyAlignment="1">
      <alignment horizontal="center" vertical="center"/>
    </xf>
    <xf numFmtId="0" fontId="3" fillId="7" borderId="46" xfId="0" applyFont="1" applyFill="1" applyBorder="1" applyAlignment="1">
      <alignment horizontal="left" vertical="center" wrapText="1" justifyLastLine="1"/>
    </xf>
    <xf numFmtId="0" fontId="3" fillId="7" borderId="22" xfId="0" applyFont="1" applyFill="1" applyBorder="1" applyAlignment="1">
      <alignment horizontal="left" vertical="center" wrapText="1" justifyLastLine="1"/>
    </xf>
    <xf numFmtId="0" fontId="3" fillId="7" borderId="14" xfId="0" applyFont="1" applyFill="1" applyBorder="1" applyAlignment="1">
      <alignment horizontal="left" vertical="center" wrapText="1" justifyLastLine="1"/>
    </xf>
    <xf numFmtId="0" fontId="3" fillId="7" borderId="26" xfId="0" applyFont="1" applyFill="1" applyBorder="1" applyAlignment="1">
      <alignment horizontal="left" vertical="center" wrapText="1" justifyLastLine="1"/>
    </xf>
    <xf numFmtId="0" fontId="1" fillId="4" borderId="32" xfId="0" applyFont="1" applyFill="1" applyBorder="1" applyAlignment="1">
      <alignment horizontal="distributed" vertical="center" justifyLastLine="1" shrinkToFit="1"/>
    </xf>
    <xf numFmtId="0" fontId="1" fillId="4" borderId="34" xfId="0" applyFont="1" applyFill="1" applyBorder="1" applyAlignment="1">
      <alignment horizontal="distributed" vertical="center" justifyLastLine="1" shrinkToFit="1"/>
    </xf>
    <xf numFmtId="0" fontId="1" fillId="4" borderId="38" xfId="0" applyFont="1" applyFill="1" applyBorder="1" applyAlignment="1">
      <alignment horizontal="center" vertical="center" shrinkToFit="1"/>
    </xf>
    <xf numFmtId="0" fontId="1" fillId="4" borderId="10" xfId="0" applyFont="1" applyFill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/>
    </xf>
    <xf numFmtId="0" fontId="7" fillId="4" borderId="39" xfId="0" applyFont="1" applyFill="1" applyBorder="1" applyAlignment="1">
      <alignment horizontal="center" vertical="center"/>
    </xf>
    <xf numFmtId="0" fontId="7" fillId="4" borderId="40" xfId="0" applyFont="1" applyFill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7" fillId="0" borderId="41" xfId="0" applyFont="1" applyBorder="1" applyAlignment="1">
      <alignment horizontal="center" vertical="center"/>
    </xf>
    <xf numFmtId="0" fontId="7" fillId="0" borderId="42" xfId="0" applyFont="1" applyBorder="1" applyAlignment="1">
      <alignment horizontal="center" vertical="center"/>
    </xf>
    <xf numFmtId="0" fontId="3" fillId="0" borderId="12" xfId="0" applyFont="1" applyBorder="1" applyAlignment="1">
      <alignment vertical="center"/>
    </xf>
    <xf numFmtId="0" fontId="3" fillId="0" borderId="33" xfId="0" applyFont="1" applyBorder="1" applyAlignment="1">
      <alignment vertical="center"/>
    </xf>
    <xf numFmtId="0" fontId="3" fillId="0" borderId="43" xfId="0" applyFont="1" applyBorder="1" applyAlignment="1">
      <alignment vertical="center"/>
    </xf>
    <xf numFmtId="0" fontId="7" fillId="0" borderId="44" xfId="0" applyFont="1" applyBorder="1" applyAlignment="1">
      <alignment horizontal="center" vertical="center"/>
    </xf>
    <xf numFmtId="0" fontId="7" fillId="0" borderId="45" xfId="0" applyFont="1" applyBorder="1" applyAlignment="1">
      <alignment horizontal="center" vertical="center"/>
    </xf>
    <xf numFmtId="0" fontId="4" fillId="4" borderId="27" xfId="0" applyFont="1" applyFill="1" applyBorder="1" applyAlignment="1">
      <alignment horizontal="distributed" vertical="center" justifyLastLine="1"/>
    </xf>
    <xf numFmtId="0" fontId="4" fillId="4" borderId="19" xfId="0" applyFont="1" applyFill="1" applyBorder="1" applyAlignment="1">
      <alignment horizontal="distributed" vertical="center" justifyLastLine="1"/>
    </xf>
    <xf numFmtId="0" fontId="4" fillId="4" borderId="28" xfId="0" applyFont="1" applyFill="1" applyBorder="1" applyAlignment="1">
      <alignment horizontal="distributed" vertical="center" justifyLastLine="1"/>
    </xf>
    <xf numFmtId="0" fontId="8" fillId="4" borderId="29" xfId="0" applyFont="1" applyFill="1" applyBorder="1" applyAlignment="1">
      <alignment horizontal="distributed" vertical="center" justifyLastLine="1"/>
    </xf>
    <xf numFmtId="0" fontId="8" fillId="4" borderId="30" xfId="0" applyFont="1" applyFill="1" applyBorder="1" applyAlignment="1">
      <alignment horizontal="distributed" vertical="center" justifyLastLine="1"/>
    </xf>
    <xf numFmtId="0" fontId="8" fillId="4" borderId="31" xfId="0" applyFont="1" applyFill="1" applyBorder="1" applyAlignment="1">
      <alignment horizontal="distributed" vertical="center" justifyLastLine="1"/>
    </xf>
    <xf numFmtId="0" fontId="4" fillId="0" borderId="7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1" fillId="0" borderId="33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5" xfId="0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0" fillId="0" borderId="19" xfId="0" applyBorder="1"/>
    <xf numFmtId="0" fontId="0" fillId="0" borderId="28" xfId="0" applyBorder="1"/>
    <xf numFmtId="0" fontId="3" fillId="0" borderId="29" xfId="0" applyFont="1" applyBorder="1" applyAlignment="1">
      <alignment horizontal="center" vertical="center" wrapText="1"/>
    </xf>
    <xf numFmtId="0" fontId="0" fillId="0" borderId="30" xfId="0" applyBorder="1"/>
    <xf numFmtId="0" fontId="0" fillId="0" borderId="31" xfId="0" applyBorder="1"/>
    <xf numFmtId="0" fontId="0" fillId="0" borderId="32" xfId="0" applyBorder="1"/>
    <xf numFmtId="0" fontId="0" fillId="0" borderId="33" xfId="0" applyBorder="1"/>
    <xf numFmtId="0" fontId="0" fillId="0" borderId="34" xfId="0" applyBorder="1"/>
    <xf numFmtId="0" fontId="3" fillId="0" borderId="7" xfId="0" applyFont="1" applyBorder="1" applyAlignment="1">
      <alignment horizontal="center" vertical="center"/>
    </xf>
    <xf numFmtId="0" fontId="0" fillId="0" borderId="20" xfId="0" applyBorder="1"/>
    <xf numFmtId="0" fontId="0" fillId="0" borderId="18" xfId="0" applyBorder="1"/>
    <xf numFmtId="0" fontId="3" fillId="0" borderId="29" xfId="0" applyFont="1" applyBorder="1" applyAlignment="1">
      <alignment vertical="center"/>
    </xf>
    <xf numFmtId="0" fontId="0" fillId="0" borderId="30" xfId="0" applyBorder="1" applyAlignment="1">
      <alignment vertical="center"/>
    </xf>
    <xf numFmtId="0" fontId="0" fillId="0" borderId="31" xfId="0" applyBorder="1" applyAlignment="1">
      <alignment vertical="center"/>
    </xf>
    <xf numFmtId="0" fontId="0" fillId="0" borderId="32" xfId="0" applyBorder="1" applyAlignment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20" xfId="0" applyBorder="1" applyAlignment="1">
      <alignment horizontal="center" vertical="center"/>
    </xf>
    <xf numFmtId="0" fontId="3" fillId="0" borderId="27" xfId="0" applyFont="1" applyBorder="1" applyAlignment="1">
      <alignment vertical="center"/>
    </xf>
    <xf numFmtId="0" fontId="0" fillId="0" borderId="19" xfId="0" applyBorder="1" applyAlignment="1">
      <alignment vertical="center"/>
    </xf>
    <xf numFmtId="0" fontId="0" fillId="0" borderId="28" xfId="0" applyBorder="1" applyAlignment="1">
      <alignment vertical="center"/>
    </xf>
    <xf numFmtId="0" fontId="3" fillId="0" borderId="38" xfId="0" applyFont="1" applyBorder="1" applyAlignment="1">
      <alignment vertical="center"/>
    </xf>
    <xf numFmtId="0" fontId="0" fillId="0" borderId="9" xfId="0" applyBorder="1"/>
    <xf numFmtId="0" fontId="0" fillId="0" borderId="15" xfId="0" applyBorder="1"/>
    <xf numFmtId="0" fontId="1" fillId="3" borderId="36" xfId="0" applyFont="1" applyFill="1" applyBorder="1" applyAlignment="1">
      <alignment horizontal="center" vertical="center"/>
    </xf>
    <xf numFmtId="0" fontId="0" fillId="0" borderId="37" xfId="0" applyBorder="1"/>
    <xf numFmtId="0" fontId="15" fillId="5" borderId="0" xfId="0" applyFont="1" applyFill="1" applyAlignment="1">
      <alignment vertical="center" wrapText="1"/>
    </xf>
    <xf numFmtId="0" fontId="15" fillId="0" borderId="0" xfId="0" applyFont="1" applyAlignment="1">
      <alignment vertical="center"/>
    </xf>
    <xf numFmtId="0" fontId="15" fillId="0" borderId="14" xfId="0" applyFont="1" applyBorder="1" applyAlignment="1">
      <alignment vertical="center"/>
    </xf>
    <xf numFmtId="0" fontId="1" fillId="6" borderId="7" xfId="0" applyFont="1" applyFill="1" applyBorder="1" applyAlignment="1">
      <alignment horizontal="distributed" vertical="center" justifyLastLine="1"/>
    </xf>
    <xf numFmtId="0" fontId="1" fillId="6" borderId="19" xfId="0" applyFont="1" applyFill="1" applyBorder="1" applyAlignment="1">
      <alignment horizontal="distributed" vertical="center" justifyLastLine="1"/>
    </xf>
    <xf numFmtId="0" fontId="1" fillId="6" borderId="20" xfId="0" applyFont="1" applyFill="1" applyBorder="1" applyAlignment="1">
      <alignment horizontal="distributed" vertical="center" justifyLastLine="1"/>
    </xf>
    <xf numFmtId="0" fontId="7" fillId="2" borderId="21" xfId="0" applyFont="1" applyFill="1" applyBorder="1" applyAlignment="1">
      <alignment vertical="center" wrapText="1" justifyLastLine="1"/>
    </xf>
    <xf numFmtId="0" fontId="7" fillId="2" borderId="22" xfId="0" applyFont="1" applyFill="1" applyBorder="1" applyAlignment="1">
      <alignment vertical="center" wrapText="1" justifyLastLine="1"/>
    </xf>
    <xf numFmtId="0" fontId="7" fillId="2" borderId="23" xfId="0" applyFont="1" applyFill="1" applyBorder="1" applyAlignment="1">
      <alignment vertical="center" wrapText="1" justifyLastLine="1"/>
    </xf>
    <xf numFmtId="0" fontId="7" fillId="2" borderId="24" xfId="0" applyFont="1" applyFill="1" applyBorder="1" applyAlignment="1">
      <alignment vertical="center" wrapText="1" justifyLastLine="1"/>
    </xf>
    <xf numFmtId="0" fontId="7" fillId="2" borderId="25" xfId="0" applyFont="1" applyFill="1" applyBorder="1" applyAlignment="1">
      <alignment vertical="center" wrapText="1" justifyLastLine="1"/>
    </xf>
    <xf numFmtId="0" fontId="7" fillId="2" borderId="26" xfId="0" applyFont="1" applyFill="1" applyBorder="1" applyAlignment="1">
      <alignment vertical="center" wrapText="1" justifyLastLine="1"/>
    </xf>
    <xf numFmtId="0" fontId="3" fillId="3" borderId="21" xfId="0" applyFont="1" applyFill="1" applyBorder="1" applyAlignment="1">
      <alignment horizontal="distributed" vertical="center" wrapText="1" justifyLastLine="1"/>
    </xf>
    <xf numFmtId="0" fontId="3" fillId="3" borderId="22" xfId="0" applyFont="1" applyFill="1" applyBorder="1" applyAlignment="1">
      <alignment horizontal="distributed" vertical="center" justifyLastLine="1"/>
    </xf>
    <xf numFmtId="0" fontId="3" fillId="3" borderId="23" xfId="0" applyFont="1" applyFill="1" applyBorder="1" applyAlignment="1">
      <alignment horizontal="distributed" vertical="center" justifyLastLine="1"/>
    </xf>
    <xf numFmtId="0" fontId="3" fillId="3" borderId="24" xfId="0" applyFont="1" applyFill="1" applyBorder="1" applyAlignment="1">
      <alignment horizontal="distributed" vertical="center" justifyLastLine="1"/>
    </xf>
    <xf numFmtId="0" fontId="3" fillId="3" borderId="25" xfId="0" applyFont="1" applyFill="1" applyBorder="1" applyAlignment="1">
      <alignment horizontal="distributed" vertical="center" justifyLastLine="1"/>
    </xf>
    <xf numFmtId="0" fontId="3" fillId="3" borderId="26" xfId="0" applyFont="1" applyFill="1" applyBorder="1" applyAlignment="1">
      <alignment horizontal="distributed" vertical="center" justifyLastLine="1"/>
    </xf>
    <xf numFmtId="0" fontId="7" fillId="2" borderId="22" xfId="0" applyFont="1" applyFill="1" applyBorder="1" applyAlignment="1">
      <alignment vertical="center" justifyLastLine="1"/>
    </xf>
    <xf numFmtId="0" fontId="7" fillId="2" borderId="23" xfId="0" applyFont="1" applyFill="1" applyBorder="1" applyAlignment="1">
      <alignment vertical="center" justifyLastLine="1"/>
    </xf>
    <xf numFmtId="0" fontId="7" fillId="2" borderId="24" xfId="0" applyFont="1" applyFill="1" applyBorder="1" applyAlignment="1">
      <alignment vertical="center" justifyLastLine="1"/>
    </xf>
    <xf numFmtId="0" fontId="7" fillId="2" borderId="25" xfId="0" applyFont="1" applyFill="1" applyBorder="1" applyAlignment="1">
      <alignment vertical="center" justifyLastLine="1"/>
    </xf>
    <xf numFmtId="0" fontId="7" fillId="2" borderId="26" xfId="0" applyFont="1" applyFill="1" applyBorder="1" applyAlignment="1">
      <alignment vertical="center" justifyLastLine="1"/>
    </xf>
    <xf numFmtId="0" fontId="8" fillId="0" borderId="11" xfId="0" applyFont="1" applyBorder="1" applyAlignment="1">
      <alignment horizontal="center" vertical="center" wrapText="1"/>
    </xf>
    <xf numFmtId="0" fontId="8" fillId="0" borderId="30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1" fillId="6" borderId="28" xfId="0" applyFont="1" applyFill="1" applyBorder="1" applyAlignment="1">
      <alignment horizontal="distributed" vertical="center" justifyLastLine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61950</xdr:colOff>
      <xdr:row>38</xdr:row>
      <xdr:rowOff>66675</xdr:rowOff>
    </xdr:from>
    <xdr:to>
      <xdr:col>8</xdr:col>
      <xdr:colOff>742950</xdr:colOff>
      <xdr:row>38</xdr:row>
      <xdr:rowOff>257175</xdr:rowOff>
    </xdr:to>
    <xdr:sp macro="" textlink="">
      <xdr:nvSpPr>
        <xdr:cNvPr id="1081" name="AutoShape 16">
          <a:extLst>
            <a:ext uri="{FF2B5EF4-FFF2-40B4-BE49-F238E27FC236}">
              <a16:creationId xmlns:a16="http://schemas.microsoft.com/office/drawing/2014/main" id="{1A36E210-683A-C2E2-B578-7717A63F5545}"/>
            </a:ext>
          </a:extLst>
        </xdr:cNvPr>
        <xdr:cNvSpPr>
          <a:spLocks noChangeArrowheads="1"/>
        </xdr:cNvSpPr>
      </xdr:nvSpPr>
      <xdr:spPr bwMode="auto">
        <a:xfrm rot="10800000">
          <a:off x="5619750" y="10229850"/>
          <a:ext cx="381000" cy="190500"/>
        </a:xfrm>
        <a:prstGeom prst="rightArrow">
          <a:avLst>
            <a:gd name="adj1" fmla="val 50000"/>
            <a:gd name="adj2" fmla="val 95454"/>
          </a:avLst>
        </a:prstGeom>
        <a:solidFill>
          <a:srgbClr val="CC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123825</xdr:colOff>
      <xdr:row>0</xdr:row>
      <xdr:rowOff>38099</xdr:rowOff>
    </xdr:from>
    <xdr:to>
      <xdr:col>10</xdr:col>
      <xdr:colOff>600075</xdr:colOff>
      <xdr:row>2</xdr:row>
      <xdr:rowOff>200024</xdr:rowOff>
    </xdr:to>
    <xdr:sp macro="" textlink="">
      <xdr:nvSpPr>
        <xdr:cNvPr id="7" name="WordArt 1">
          <a:extLst>
            <a:ext uri="{FF2B5EF4-FFF2-40B4-BE49-F238E27FC236}">
              <a16:creationId xmlns:a16="http://schemas.microsoft.com/office/drawing/2014/main" id="{8B78D706-F546-E120-3ABC-992C60D5C1DB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23825" y="38099"/>
          <a:ext cx="7086600" cy="77152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i="1" kern="10" spc="0">
              <a:ln w="9525">
                <a:solidFill>
                  <a:srgbClr val="800000"/>
                </a:solidFill>
                <a:round/>
                <a:headEnd/>
                <a:tailEnd/>
              </a:ln>
              <a:solidFill>
                <a:srgbClr val="800000"/>
              </a:solidFill>
              <a:effectLst>
                <a:outerShdw dist="35921" dir="2700000" algn="ctr" rotWithShape="0">
                  <a:srgbClr val="B2B2B2">
                    <a:alpha val="80000"/>
                  </a:srgbClr>
                </a:outerShdw>
              </a:effectLst>
              <a:latin typeface="ＭＳ Ｐゴシック"/>
              <a:ea typeface="ＭＳ Ｐゴシック"/>
            </a:rPr>
            <a:t>秋季市民大会参加申込書</a:t>
          </a:r>
        </a:p>
      </xdr:txBody>
    </xdr:sp>
    <xdr:clientData/>
  </xdr:twoCellAnchor>
  <xdr:twoCellAnchor>
    <xdr:from>
      <xdr:col>8</xdr:col>
      <xdr:colOff>390525</xdr:colOff>
      <xdr:row>42</xdr:row>
      <xdr:rowOff>85725</xdr:rowOff>
    </xdr:from>
    <xdr:to>
      <xdr:col>8</xdr:col>
      <xdr:colOff>771525</xdr:colOff>
      <xdr:row>42</xdr:row>
      <xdr:rowOff>276225</xdr:rowOff>
    </xdr:to>
    <xdr:sp macro="" textlink="">
      <xdr:nvSpPr>
        <xdr:cNvPr id="1083" name="AutoShape 16">
          <a:extLst>
            <a:ext uri="{FF2B5EF4-FFF2-40B4-BE49-F238E27FC236}">
              <a16:creationId xmlns:a16="http://schemas.microsoft.com/office/drawing/2014/main" id="{E0D645A9-E0FF-C4E7-01CE-3317137E2082}"/>
            </a:ext>
          </a:extLst>
        </xdr:cNvPr>
        <xdr:cNvSpPr>
          <a:spLocks noChangeArrowheads="1"/>
        </xdr:cNvSpPr>
      </xdr:nvSpPr>
      <xdr:spPr bwMode="auto">
        <a:xfrm rot="10800000">
          <a:off x="5648325" y="11506200"/>
          <a:ext cx="381000" cy="190500"/>
        </a:xfrm>
        <a:prstGeom prst="rightArrow">
          <a:avLst>
            <a:gd name="adj1" fmla="val 50000"/>
            <a:gd name="adj2" fmla="val 95454"/>
          </a:avLst>
        </a:prstGeom>
        <a:solidFill>
          <a:srgbClr val="CC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44"/>
  <sheetViews>
    <sheetView showGridLines="0" tabSelected="1" view="pageBreakPreview" topLeftCell="A25" zoomScaleNormal="100" zoomScaleSheetLayoutView="100" workbookViewId="0">
      <selection activeCell="A35" sqref="A35"/>
    </sheetView>
  </sheetViews>
  <sheetFormatPr defaultColWidth="9.109375" defaultRowHeight="12" x14ac:dyDescent="0.15"/>
  <cols>
    <col min="1" max="1" width="4.6640625" style="1" customWidth="1"/>
    <col min="2" max="3" width="11.6640625" style="1" customWidth="1"/>
    <col min="4" max="8" width="10.109375" style="1" customWidth="1"/>
    <col min="9" max="9" width="14.6640625" style="1" customWidth="1"/>
    <col min="10" max="11" width="10.6640625" style="1" customWidth="1"/>
    <col min="12" max="16384" width="9.109375" style="1"/>
  </cols>
  <sheetData>
    <row r="1" spans="1:25" s="25" customFormat="1" ht="30" customHeight="1" x14ac:dyDescent="0.15">
      <c r="A1" s="24"/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24"/>
      <c r="S1" s="24"/>
      <c r="T1" s="24"/>
      <c r="U1" s="24"/>
      <c r="V1" s="24"/>
      <c r="W1" s="24"/>
      <c r="X1" s="24"/>
      <c r="Y1" s="24"/>
    </row>
    <row r="2" spans="1:25" s="25" customFormat="1" ht="18" customHeight="1" x14ac:dyDescent="0.15">
      <c r="A2" s="127"/>
      <c r="B2" s="128"/>
      <c r="C2" s="128"/>
      <c r="D2" s="128"/>
      <c r="E2" s="30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24"/>
      <c r="S2" s="24"/>
      <c r="T2" s="24"/>
      <c r="U2" s="24"/>
      <c r="V2" s="24"/>
      <c r="W2" s="24"/>
      <c r="X2" s="24"/>
      <c r="Y2" s="24"/>
    </row>
    <row r="3" spans="1:25" s="25" customFormat="1" ht="18" customHeight="1" x14ac:dyDescent="0.15">
      <c r="A3" s="129"/>
      <c r="B3" s="129"/>
      <c r="C3" s="129"/>
      <c r="D3" s="129"/>
      <c r="E3" s="31"/>
      <c r="F3" s="29"/>
      <c r="G3" s="29"/>
      <c r="H3" s="29"/>
      <c r="I3" s="29"/>
      <c r="J3" s="29"/>
      <c r="K3" s="29"/>
      <c r="L3" s="24"/>
      <c r="M3" s="24"/>
      <c r="N3" s="24"/>
      <c r="O3" s="24"/>
      <c r="P3" s="24"/>
      <c r="Q3" s="24"/>
      <c r="R3" s="24"/>
      <c r="S3" s="24"/>
      <c r="T3" s="24"/>
      <c r="U3" s="24"/>
      <c r="V3" s="24"/>
      <c r="W3" s="24"/>
      <c r="X3" s="24"/>
      <c r="Y3" s="24"/>
    </row>
    <row r="4" spans="1:25" ht="12.75" customHeight="1" x14ac:dyDescent="0.15">
      <c r="A4" s="85" t="s">
        <v>3</v>
      </c>
      <c r="B4" s="86"/>
      <c r="C4" s="87"/>
      <c r="D4" s="91"/>
      <c r="E4" s="92"/>
      <c r="F4" s="92"/>
      <c r="G4" s="92"/>
      <c r="H4" s="93"/>
      <c r="I4" s="74" t="s">
        <v>0</v>
      </c>
      <c r="J4" s="83" t="s">
        <v>1</v>
      </c>
      <c r="K4" s="78" t="s">
        <v>2</v>
      </c>
    </row>
    <row r="5" spans="1:25" ht="40.5" customHeight="1" x14ac:dyDescent="0.15">
      <c r="A5" s="88" t="s">
        <v>5</v>
      </c>
      <c r="B5" s="89"/>
      <c r="C5" s="90"/>
      <c r="D5" s="150"/>
      <c r="E5" s="151"/>
      <c r="F5" s="151"/>
      <c r="G5" s="151"/>
      <c r="H5" s="152"/>
      <c r="I5" s="75"/>
      <c r="J5" s="84"/>
      <c r="K5" s="79"/>
    </row>
    <row r="6" spans="1:25" s="25" customFormat="1" ht="16.5" customHeight="1" x14ac:dyDescent="0.15">
      <c r="A6" s="39" t="s">
        <v>22</v>
      </c>
      <c r="B6" s="40"/>
      <c r="C6" s="43"/>
      <c r="D6" s="43"/>
      <c r="E6" s="43"/>
      <c r="F6" s="43"/>
      <c r="G6" s="44"/>
      <c r="H6" s="47" t="s">
        <v>23</v>
      </c>
      <c r="I6" s="48"/>
      <c r="J6" s="48"/>
      <c r="K6" s="49"/>
      <c r="L6" s="1"/>
      <c r="M6" s="1"/>
      <c r="N6" s="1"/>
      <c r="O6" s="1"/>
      <c r="P6" s="1"/>
      <c r="Q6" s="1"/>
      <c r="R6" s="1"/>
      <c r="S6" s="24"/>
    </row>
    <row r="7" spans="1:25" s="25" customFormat="1" ht="16.5" customHeight="1" x14ac:dyDescent="0.15">
      <c r="A7" s="41"/>
      <c r="B7" s="42"/>
      <c r="C7" s="45"/>
      <c r="D7" s="45"/>
      <c r="E7" s="45"/>
      <c r="F7" s="45"/>
      <c r="G7" s="46"/>
      <c r="H7" s="50"/>
      <c r="I7" s="51"/>
      <c r="J7" s="51"/>
      <c r="K7" s="52"/>
      <c r="L7" s="1"/>
      <c r="M7" s="1"/>
      <c r="N7" s="1"/>
      <c r="O7" s="1"/>
      <c r="P7" s="1"/>
      <c r="Q7" s="1"/>
      <c r="R7" s="1"/>
      <c r="S7" s="24"/>
    </row>
    <row r="8" spans="1:25" ht="24.9" customHeight="1" x14ac:dyDescent="0.15">
      <c r="A8" s="69" t="s">
        <v>6</v>
      </c>
      <c r="B8" s="70"/>
      <c r="C8" s="94"/>
      <c r="D8" s="94"/>
      <c r="E8" s="94"/>
      <c r="F8" s="94"/>
      <c r="G8" s="95"/>
      <c r="H8" s="26" t="s">
        <v>7</v>
      </c>
      <c r="I8" s="80"/>
      <c r="J8" s="81"/>
      <c r="K8" s="82"/>
    </row>
    <row r="9" spans="1:25" ht="24.9" customHeight="1" x14ac:dyDescent="0.15">
      <c r="A9" s="71" t="s">
        <v>8</v>
      </c>
      <c r="B9" s="72"/>
      <c r="C9" s="96"/>
      <c r="D9" s="96"/>
      <c r="E9" s="96"/>
      <c r="F9" s="96"/>
      <c r="G9" s="97"/>
      <c r="H9" s="16" t="s">
        <v>9</v>
      </c>
      <c r="I9" s="73"/>
      <c r="J9" s="61"/>
      <c r="K9" s="99"/>
    </row>
    <row r="10" spans="1:25" ht="9.9" customHeight="1" x14ac:dyDescent="0.15"/>
    <row r="11" spans="1:25" ht="24.9" customHeight="1" x14ac:dyDescent="0.15">
      <c r="A11" s="27" t="s">
        <v>24</v>
      </c>
      <c r="B11" s="130" t="s">
        <v>11</v>
      </c>
      <c r="C11" s="153"/>
      <c r="D11" s="28" t="s">
        <v>18</v>
      </c>
      <c r="E11" s="28" t="s">
        <v>19</v>
      </c>
      <c r="F11" s="28" t="s">
        <v>20</v>
      </c>
      <c r="G11" s="130" t="s">
        <v>10</v>
      </c>
      <c r="H11" s="153"/>
      <c r="I11" s="130" t="s">
        <v>4</v>
      </c>
      <c r="J11" s="131"/>
      <c r="K11" s="132"/>
    </row>
    <row r="12" spans="1:25" ht="24.9" customHeight="1" x14ac:dyDescent="0.15">
      <c r="A12" s="9">
        <v>1</v>
      </c>
      <c r="B12" s="53"/>
      <c r="C12" s="55"/>
      <c r="D12" s="7"/>
      <c r="E12" s="2"/>
      <c r="F12" s="3"/>
      <c r="G12" s="53"/>
      <c r="H12" s="55"/>
      <c r="I12" s="53"/>
      <c r="J12" s="76"/>
      <c r="K12" s="77"/>
    </row>
    <row r="13" spans="1:25" ht="24.9" customHeight="1" x14ac:dyDescent="0.15">
      <c r="A13" s="9">
        <f t="shared" ref="A13:A26" si="0">A12+1</f>
        <v>2</v>
      </c>
      <c r="B13" s="53"/>
      <c r="C13" s="55"/>
      <c r="D13" s="7"/>
      <c r="E13" s="2"/>
      <c r="F13" s="2"/>
      <c r="G13" s="53"/>
      <c r="H13" s="55"/>
      <c r="I13" s="53"/>
      <c r="J13" s="76"/>
      <c r="K13" s="77"/>
    </row>
    <row r="14" spans="1:25" ht="24.9" customHeight="1" x14ac:dyDescent="0.15">
      <c r="A14" s="9">
        <f t="shared" si="0"/>
        <v>3</v>
      </c>
      <c r="B14" s="53"/>
      <c r="C14" s="55"/>
      <c r="D14" s="7"/>
      <c r="E14" s="2"/>
      <c r="F14" s="2"/>
      <c r="G14" s="53"/>
      <c r="H14" s="55"/>
      <c r="I14" s="53"/>
      <c r="J14" s="76"/>
      <c r="K14" s="77"/>
    </row>
    <row r="15" spans="1:25" ht="24.9" customHeight="1" x14ac:dyDescent="0.15">
      <c r="A15" s="9">
        <f t="shared" si="0"/>
        <v>4</v>
      </c>
      <c r="B15" s="53"/>
      <c r="C15" s="55"/>
      <c r="D15" s="7"/>
      <c r="E15" s="2"/>
      <c r="F15" s="2"/>
      <c r="G15" s="53"/>
      <c r="H15" s="55"/>
      <c r="I15" s="53"/>
      <c r="J15" s="76"/>
      <c r="K15" s="77"/>
    </row>
    <row r="16" spans="1:25" ht="24.9" customHeight="1" x14ac:dyDescent="0.15">
      <c r="A16" s="9">
        <f t="shared" si="0"/>
        <v>5</v>
      </c>
      <c r="B16" s="53"/>
      <c r="C16" s="55"/>
      <c r="D16" s="7"/>
      <c r="E16" s="2"/>
      <c r="F16" s="2"/>
      <c r="G16" s="53"/>
      <c r="H16" s="55"/>
      <c r="I16" s="53"/>
      <c r="J16" s="76"/>
      <c r="K16" s="77"/>
    </row>
    <row r="17" spans="1:11" ht="24.9" customHeight="1" x14ac:dyDescent="0.15">
      <c r="A17" s="9">
        <f t="shared" si="0"/>
        <v>6</v>
      </c>
      <c r="B17" s="53"/>
      <c r="C17" s="55"/>
      <c r="D17" s="7"/>
      <c r="E17" s="2"/>
      <c r="F17" s="2"/>
      <c r="G17" s="53"/>
      <c r="H17" s="55"/>
      <c r="I17" s="53"/>
      <c r="J17" s="76"/>
      <c r="K17" s="77"/>
    </row>
    <row r="18" spans="1:11" ht="24.9" customHeight="1" x14ac:dyDescent="0.15">
      <c r="A18" s="9">
        <f t="shared" si="0"/>
        <v>7</v>
      </c>
      <c r="B18" s="53"/>
      <c r="C18" s="55"/>
      <c r="D18" s="7"/>
      <c r="E18" s="2"/>
      <c r="F18" s="2"/>
      <c r="G18" s="53"/>
      <c r="H18" s="55"/>
      <c r="I18" s="53"/>
      <c r="J18" s="76"/>
      <c r="K18" s="77"/>
    </row>
    <row r="19" spans="1:11" ht="24.9" customHeight="1" x14ac:dyDescent="0.15">
      <c r="A19" s="9">
        <f t="shared" si="0"/>
        <v>8</v>
      </c>
      <c r="B19" s="53"/>
      <c r="C19" s="55"/>
      <c r="D19" s="7"/>
      <c r="E19" s="2"/>
      <c r="F19" s="2"/>
      <c r="G19" s="53"/>
      <c r="H19" s="55"/>
      <c r="I19" s="53"/>
      <c r="J19" s="76"/>
      <c r="K19" s="77"/>
    </row>
    <row r="20" spans="1:11" ht="24.9" customHeight="1" x14ac:dyDescent="0.15">
      <c r="A20" s="9">
        <f t="shared" si="0"/>
        <v>9</v>
      </c>
      <c r="B20" s="53"/>
      <c r="C20" s="55"/>
      <c r="D20" s="7"/>
      <c r="E20" s="2"/>
      <c r="F20" s="2"/>
      <c r="G20" s="53"/>
      <c r="H20" s="55"/>
      <c r="I20" s="53"/>
      <c r="J20" s="76"/>
      <c r="K20" s="77"/>
    </row>
    <row r="21" spans="1:11" ht="24.9" customHeight="1" x14ac:dyDescent="0.15">
      <c r="A21" s="9">
        <f t="shared" si="0"/>
        <v>10</v>
      </c>
      <c r="B21" s="53"/>
      <c r="C21" s="55"/>
      <c r="D21" s="7"/>
      <c r="E21" s="2"/>
      <c r="F21" s="2"/>
      <c r="G21" s="53"/>
      <c r="H21" s="55"/>
      <c r="I21" s="53"/>
      <c r="J21" s="76"/>
      <c r="K21" s="77"/>
    </row>
    <row r="22" spans="1:11" ht="24.9" customHeight="1" x14ac:dyDescent="0.15">
      <c r="A22" s="9">
        <f t="shared" si="0"/>
        <v>11</v>
      </c>
      <c r="B22" s="53"/>
      <c r="C22" s="55"/>
      <c r="D22" s="7"/>
      <c r="E22" s="2"/>
      <c r="F22" s="2"/>
      <c r="G22" s="53"/>
      <c r="H22" s="55"/>
      <c r="I22" s="53"/>
      <c r="J22" s="76"/>
      <c r="K22" s="77"/>
    </row>
    <row r="23" spans="1:11" ht="24.9" customHeight="1" x14ac:dyDescent="0.15">
      <c r="A23" s="9">
        <f t="shared" si="0"/>
        <v>12</v>
      </c>
      <c r="B23" s="53"/>
      <c r="C23" s="55"/>
      <c r="D23" s="7"/>
      <c r="E23" s="2"/>
      <c r="F23" s="2"/>
      <c r="G23" s="53"/>
      <c r="H23" s="55"/>
      <c r="I23" s="53"/>
      <c r="J23" s="76"/>
      <c r="K23" s="77"/>
    </row>
    <row r="24" spans="1:11" ht="24.9" customHeight="1" x14ac:dyDescent="0.15">
      <c r="A24" s="9">
        <f t="shared" si="0"/>
        <v>13</v>
      </c>
      <c r="B24" s="53"/>
      <c r="C24" s="55"/>
      <c r="D24" s="7"/>
      <c r="E24" s="2"/>
      <c r="F24" s="2"/>
      <c r="G24" s="53"/>
      <c r="H24" s="55"/>
      <c r="I24" s="53"/>
      <c r="J24" s="76"/>
      <c r="K24" s="77"/>
    </row>
    <row r="25" spans="1:11" ht="24.9" customHeight="1" x14ac:dyDescent="0.15">
      <c r="A25" s="9">
        <f t="shared" si="0"/>
        <v>14</v>
      </c>
      <c r="B25" s="53"/>
      <c r="C25" s="55"/>
      <c r="D25" s="7"/>
      <c r="E25" s="2"/>
      <c r="F25" s="2"/>
      <c r="G25" s="53"/>
      <c r="H25" s="55"/>
      <c r="I25" s="53"/>
      <c r="J25" s="76"/>
      <c r="K25" s="77"/>
    </row>
    <row r="26" spans="1:11" ht="24.9" customHeight="1" x14ac:dyDescent="0.15">
      <c r="A26" s="10">
        <f t="shared" si="0"/>
        <v>15</v>
      </c>
      <c r="B26" s="73"/>
      <c r="C26" s="62"/>
      <c r="D26" s="8"/>
      <c r="E26" s="4"/>
      <c r="F26" s="4"/>
      <c r="G26" s="73"/>
      <c r="H26" s="62"/>
      <c r="I26" s="73"/>
      <c r="J26" s="61"/>
      <c r="K26" s="99"/>
    </row>
    <row r="27" spans="1:11" ht="9.9" customHeight="1" x14ac:dyDescent="0.15"/>
    <row r="28" spans="1:11" ht="24.9" customHeight="1" x14ac:dyDescent="0.15">
      <c r="A28" s="139" t="s">
        <v>26</v>
      </c>
      <c r="B28" s="140"/>
      <c r="C28" s="17" t="s">
        <v>16</v>
      </c>
      <c r="D28" s="100"/>
      <c r="E28" s="101"/>
      <c r="F28" s="101"/>
      <c r="G28" s="101"/>
      <c r="H28" s="102"/>
      <c r="I28" s="14" t="s">
        <v>12</v>
      </c>
      <c r="J28" s="109"/>
      <c r="K28" s="110"/>
    </row>
    <row r="29" spans="1:11" ht="24.9" customHeight="1" x14ac:dyDescent="0.15">
      <c r="A29" s="141"/>
      <c r="B29" s="142"/>
      <c r="C29" s="125" t="s">
        <v>17</v>
      </c>
      <c r="D29" s="103"/>
      <c r="E29" s="104"/>
      <c r="F29" s="104"/>
      <c r="G29" s="104"/>
      <c r="H29" s="105"/>
      <c r="I29" s="15" t="s">
        <v>13</v>
      </c>
      <c r="J29" s="53"/>
      <c r="K29" s="111"/>
    </row>
    <row r="30" spans="1:11" ht="24.9" customHeight="1" x14ac:dyDescent="0.15">
      <c r="A30" s="141"/>
      <c r="B30" s="142"/>
      <c r="C30" s="126"/>
      <c r="D30" s="106"/>
      <c r="E30" s="107"/>
      <c r="F30" s="107"/>
      <c r="G30" s="107"/>
      <c r="H30" s="108"/>
      <c r="I30" s="15" t="s">
        <v>14</v>
      </c>
      <c r="J30" s="53"/>
      <c r="K30" s="111"/>
    </row>
    <row r="31" spans="1:11" ht="24.9" customHeight="1" x14ac:dyDescent="0.15">
      <c r="A31" s="143"/>
      <c r="B31" s="144"/>
      <c r="C31" s="18" t="s">
        <v>15</v>
      </c>
      <c r="D31" s="122"/>
      <c r="E31" s="123"/>
      <c r="F31" s="123"/>
      <c r="G31" s="123"/>
      <c r="H31" s="123"/>
      <c r="I31" s="123"/>
      <c r="J31" s="123"/>
      <c r="K31" s="124"/>
    </row>
    <row r="32" spans="1:11" ht="9.9" customHeight="1" x14ac:dyDescent="0.15">
      <c r="A32" s="13"/>
      <c r="B32" s="13"/>
      <c r="C32" s="34"/>
      <c r="D32" s="35"/>
      <c r="E32" s="5"/>
      <c r="F32" s="5"/>
      <c r="G32" s="5"/>
      <c r="I32" s="36"/>
    </row>
    <row r="33" spans="1:11" ht="31.8" customHeight="1" x14ac:dyDescent="0.15">
      <c r="A33" s="65" t="s">
        <v>36</v>
      </c>
      <c r="B33" s="65"/>
      <c r="C33" s="66"/>
      <c r="D33" s="37" t="s">
        <v>34</v>
      </c>
      <c r="E33" s="56"/>
      <c r="F33" s="57"/>
      <c r="G33" s="57"/>
      <c r="H33" s="57"/>
      <c r="I33" s="58" t="s">
        <v>35</v>
      </c>
      <c r="J33" s="59"/>
      <c r="K33" s="59"/>
    </row>
    <row r="34" spans="1:11" ht="31.8" customHeight="1" x14ac:dyDescent="0.15">
      <c r="A34" s="67"/>
      <c r="B34" s="67"/>
      <c r="C34" s="68"/>
      <c r="D34" s="38" t="s">
        <v>34</v>
      </c>
      <c r="E34" s="60"/>
      <c r="F34" s="61"/>
      <c r="G34" s="61"/>
      <c r="H34" s="62"/>
      <c r="I34" s="63" t="s">
        <v>35</v>
      </c>
      <c r="J34" s="64"/>
      <c r="K34" s="64"/>
    </row>
    <row r="35" spans="1:11" ht="9.9" customHeight="1" x14ac:dyDescent="0.15">
      <c r="A35" s="13"/>
      <c r="B35" s="13"/>
      <c r="C35" s="34"/>
      <c r="D35" s="35"/>
      <c r="E35" s="5"/>
      <c r="F35" s="5"/>
      <c r="G35" s="5"/>
      <c r="I35" s="36"/>
    </row>
    <row r="36" spans="1:11" ht="24.9" customHeight="1" x14ac:dyDescent="0.15">
      <c r="A36" s="133" t="s">
        <v>27</v>
      </c>
      <c r="B36" s="145"/>
      <c r="C36" s="19" t="s">
        <v>16</v>
      </c>
      <c r="D36" s="119"/>
      <c r="E36" s="120"/>
      <c r="F36" s="120"/>
      <c r="G36" s="120"/>
      <c r="H36" s="121"/>
      <c r="I36" s="11" t="s">
        <v>12</v>
      </c>
      <c r="J36" s="109"/>
      <c r="K36" s="118"/>
    </row>
    <row r="37" spans="1:11" ht="24.9" customHeight="1" x14ac:dyDescent="0.15">
      <c r="A37" s="146"/>
      <c r="B37" s="147"/>
      <c r="C37" s="22" t="s">
        <v>17</v>
      </c>
      <c r="D37" s="112"/>
      <c r="E37" s="113"/>
      <c r="F37" s="113"/>
      <c r="G37" s="113"/>
      <c r="H37" s="114"/>
      <c r="I37" s="12" t="s">
        <v>13</v>
      </c>
      <c r="J37" s="53"/>
      <c r="K37" s="54"/>
    </row>
    <row r="38" spans="1:11" ht="24.9" customHeight="1" x14ac:dyDescent="0.15">
      <c r="A38" s="146"/>
      <c r="B38" s="147"/>
      <c r="C38" s="23"/>
      <c r="D38" s="115"/>
      <c r="E38" s="116"/>
      <c r="F38" s="116"/>
      <c r="G38" s="116"/>
      <c r="H38" s="117"/>
      <c r="I38" s="12" t="s">
        <v>14</v>
      </c>
      <c r="J38" s="53"/>
      <c r="K38" s="54"/>
    </row>
    <row r="39" spans="1:11" ht="24.9" customHeight="1" x14ac:dyDescent="0.15">
      <c r="A39" s="148"/>
      <c r="B39" s="149"/>
      <c r="C39" s="20" t="s">
        <v>21</v>
      </c>
      <c r="D39" s="32" t="s">
        <v>29</v>
      </c>
      <c r="E39" s="33" t="s">
        <v>30</v>
      </c>
      <c r="F39" s="33" t="s">
        <v>31</v>
      </c>
      <c r="G39" s="33" t="s">
        <v>32</v>
      </c>
      <c r="H39" s="33" t="s">
        <v>33</v>
      </c>
      <c r="I39" s="21"/>
      <c r="J39" s="73" t="s">
        <v>25</v>
      </c>
      <c r="K39" s="98"/>
    </row>
    <row r="40" spans="1:11" ht="24.9" customHeight="1" x14ac:dyDescent="0.15">
      <c r="A40" s="133" t="s">
        <v>28</v>
      </c>
      <c r="B40" s="134"/>
      <c r="C40" s="19" t="s">
        <v>16</v>
      </c>
      <c r="D40" s="119"/>
      <c r="E40" s="120"/>
      <c r="F40" s="120"/>
      <c r="G40" s="120"/>
      <c r="H40" s="121"/>
      <c r="I40" s="11" t="s">
        <v>12</v>
      </c>
      <c r="J40" s="109"/>
      <c r="K40" s="118"/>
    </row>
    <row r="41" spans="1:11" ht="24.9" customHeight="1" x14ac:dyDescent="0.15">
      <c r="A41" s="135"/>
      <c r="B41" s="136"/>
      <c r="C41" s="22" t="s">
        <v>17</v>
      </c>
      <c r="D41" s="112"/>
      <c r="E41" s="113"/>
      <c r="F41" s="113"/>
      <c r="G41" s="113"/>
      <c r="H41" s="114"/>
      <c r="I41" s="12" t="s">
        <v>13</v>
      </c>
      <c r="J41" s="53"/>
      <c r="K41" s="54"/>
    </row>
    <row r="42" spans="1:11" ht="24.9" customHeight="1" x14ac:dyDescent="0.15">
      <c r="A42" s="135"/>
      <c r="B42" s="136"/>
      <c r="C42" s="23"/>
      <c r="D42" s="115"/>
      <c r="E42" s="116"/>
      <c r="F42" s="116"/>
      <c r="G42" s="116"/>
      <c r="H42" s="117"/>
      <c r="I42" s="12" t="s">
        <v>14</v>
      </c>
      <c r="J42" s="53"/>
      <c r="K42" s="54"/>
    </row>
    <row r="43" spans="1:11" ht="24.9" customHeight="1" x14ac:dyDescent="0.15">
      <c r="A43" s="137"/>
      <c r="B43" s="138"/>
      <c r="C43" s="20" t="s">
        <v>21</v>
      </c>
      <c r="D43" s="32" t="s">
        <v>29</v>
      </c>
      <c r="E43" s="33" t="s">
        <v>30</v>
      </c>
      <c r="F43" s="33" t="s">
        <v>31</v>
      </c>
      <c r="G43" s="33" t="s">
        <v>32</v>
      </c>
      <c r="H43" s="33" t="s">
        <v>33</v>
      </c>
      <c r="I43" s="21"/>
      <c r="J43" s="73" t="s">
        <v>25</v>
      </c>
      <c r="K43" s="98"/>
    </row>
    <row r="44" spans="1:11" ht="15" customHeight="1" x14ac:dyDescent="0.15">
      <c r="J44" s="6"/>
    </row>
  </sheetData>
  <mergeCells count="92">
    <mergeCell ref="A2:D3"/>
    <mergeCell ref="I9:K9"/>
    <mergeCell ref="I12:K12"/>
    <mergeCell ref="I11:K11"/>
    <mergeCell ref="A40:B43"/>
    <mergeCell ref="D40:H40"/>
    <mergeCell ref="J40:K40"/>
    <mergeCell ref="D41:H42"/>
    <mergeCell ref="J41:K41"/>
    <mergeCell ref="J42:K42"/>
    <mergeCell ref="J43:K43"/>
    <mergeCell ref="A28:B31"/>
    <mergeCell ref="A36:B39"/>
    <mergeCell ref="D5:H5"/>
    <mergeCell ref="G11:H11"/>
    <mergeCell ref="B11:C11"/>
    <mergeCell ref="B23:C23"/>
    <mergeCell ref="B24:C24"/>
    <mergeCell ref="G25:H25"/>
    <mergeCell ref="G26:H26"/>
    <mergeCell ref="C29:C30"/>
    <mergeCell ref="B25:C25"/>
    <mergeCell ref="B22:C22"/>
    <mergeCell ref="I21:K21"/>
    <mergeCell ref="I13:K13"/>
    <mergeCell ref="I14:K14"/>
    <mergeCell ref="I15:K15"/>
    <mergeCell ref="G13:H13"/>
    <mergeCell ref="G14:H14"/>
    <mergeCell ref="G15:H15"/>
    <mergeCell ref="B18:C18"/>
    <mergeCell ref="B19:C19"/>
    <mergeCell ref="I19:K19"/>
    <mergeCell ref="I24:K24"/>
    <mergeCell ref="B12:C12"/>
    <mergeCell ref="B13:C13"/>
    <mergeCell ref="B14:C14"/>
    <mergeCell ref="B15:C15"/>
    <mergeCell ref="G12:H12"/>
    <mergeCell ref="G16:H16"/>
    <mergeCell ref="G17:H17"/>
    <mergeCell ref="I18:K18"/>
    <mergeCell ref="B20:C20"/>
    <mergeCell ref="I20:K20"/>
    <mergeCell ref="G18:H18"/>
    <mergeCell ref="G19:H19"/>
    <mergeCell ref="G20:H20"/>
    <mergeCell ref="B17:C17"/>
    <mergeCell ref="B21:C21"/>
    <mergeCell ref="I22:K22"/>
    <mergeCell ref="B16:C16"/>
    <mergeCell ref="J39:K39"/>
    <mergeCell ref="I25:K25"/>
    <mergeCell ref="I26:K26"/>
    <mergeCell ref="D28:H28"/>
    <mergeCell ref="D29:H30"/>
    <mergeCell ref="J28:K28"/>
    <mergeCell ref="J29:K29"/>
    <mergeCell ref="D37:H38"/>
    <mergeCell ref="J37:K37"/>
    <mergeCell ref="J30:K30"/>
    <mergeCell ref="J36:K36"/>
    <mergeCell ref="D36:H36"/>
    <mergeCell ref="D31:K31"/>
    <mergeCell ref="I23:K23"/>
    <mergeCell ref="A4:C4"/>
    <mergeCell ref="A5:C5"/>
    <mergeCell ref="D4:H4"/>
    <mergeCell ref="C8:G8"/>
    <mergeCell ref="C9:G9"/>
    <mergeCell ref="I4:I5"/>
    <mergeCell ref="I16:K16"/>
    <mergeCell ref="I17:K17"/>
    <mergeCell ref="K4:K5"/>
    <mergeCell ref="I8:K8"/>
    <mergeCell ref="J4:J5"/>
    <mergeCell ref="A6:B7"/>
    <mergeCell ref="C6:G7"/>
    <mergeCell ref="H6:K7"/>
    <mergeCell ref="J38:K38"/>
    <mergeCell ref="G21:H21"/>
    <mergeCell ref="G22:H22"/>
    <mergeCell ref="G23:H23"/>
    <mergeCell ref="G24:H24"/>
    <mergeCell ref="E33:H33"/>
    <mergeCell ref="I33:K33"/>
    <mergeCell ref="E34:H34"/>
    <mergeCell ref="I34:K34"/>
    <mergeCell ref="A33:C34"/>
    <mergeCell ref="A8:B8"/>
    <mergeCell ref="A9:B9"/>
    <mergeCell ref="B26:C26"/>
  </mergeCells>
  <phoneticPr fontId="1"/>
  <printOptions horizontalCentered="1"/>
  <pageMargins left="0.59055118110236227" right="0.39370078740157483" top="0.59055118110236227" bottom="0.19685039370078741" header="0.59055118110236227" footer="0.39370078740157483"/>
  <pageSetup paperSize="9" scale="82" orientation="portrait" horizontalDpi="4294967292" verticalDpi="300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秋季市民大会参加申込書</vt:lpstr>
      <vt:lpstr>秋季市民大会参加申込書!Print_Area</vt:lpstr>
    </vt:vector>
  </TitlesOfParts>
  <Company>札幌地区バスケットボール協会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大会参加申込書</dc:title>
  <dc:subject>３大会共通</dc:subject>
  <dc:creator>広報委員会　前田鉄也</dc:creator>
  <cp:lastModifiedBy>大橋　雄希</cp:lastModifiedBy>
  <cp:lastPrinted>2010-08-23T13:50:39Z</cp:lastPrinted>
  <dcterms:created xsi:type="dcterms:W3CDTF">2003-09-24T04:14:55Z</dcterms:created>
  <dcterms:modified xsi:type="dcterms:W3CDTF">2025-08-20T00:58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/>
</file>